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F635FAA1-511E-4C56-88F6-3A6B2BA4669E}" xr6:coauthVersionLast="47" xr6:coauthVersionMax="47" xr10:uidLastSave="{00000000-0000-0000-0000-000000000000}"/>
  <bookViews>
    <workbookView xWindow="-120" yWindow="-120" windowWidth="20730" windowHeight="11160" xr2:uid="{545E20C3-2F5D-4244-83EA-358F631DF61D}"/>
  </bookViews>
  <sheets>
    <sheet name="別紙27" sheetId="2" r:id="rId1"/>
    <sheet name="Sheet1" sheetId="1" r:id="rId2"/>
  </sheets>
  <externalReferences>
    <externalReference r:id="rId3"/>
    <externalReference r:id="rId4"/>
    <externalReference r:id="rId5"/>
  </externalReferences>
  <definedNames>
    <definedName name="ｋ">#N/A</definedName>
    <definedName name="_xlnm.Print_Area" localSheetId="0">別紙27!$A$1:$AC$7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08" uniqueCount="52">
  <si>
    <t>（別紙27）</t>
    <phoneticPr fontId="4"/>
  </si>
  <si>
    <t>令和</t>
    <rPh sb="0" eb="2">
      <t>レイワ</t>
    </rPh>
    <phoneticPr fontId="4"/>
  </si>
  <si>
    <t>年</t>
    <rPh sb="0" eb="1">
      <t>ネン</t>
    </rPh>
    <phoneticPr fontId="4"/>
  </si>
  <si>
    <t>月</t>
    <rPh sb="0" eb="1">
      <t>ゲツ</t>
    </rPh>
    <phoneticPr fontId="4"/>
  </si>
  <si>
    <t>日</t>
    <rPh sb="0" eb="1">
      <t>ニチ</t>
    </rPh>
    <phoneticPr fontId="4"/>
  </si>
  <si>
    <t>テクノロジーの導入による夜勤職員配置加算に係る届出書</t>
    <rPh sb="7" eb="9">
      <t>ドウニュウ</t>
    </rPh>
    <rPh sb="12" eb="14">
      <t>ヤキン</t>
    </rPh>
    <rPh sb="14" eb="16">
      <t>ショクイン</t>
    </rPh>
    <rPh sb="16" eb="18">
      <t>ハイチ</t>
    </rPh>
    <rPh sb="18" eb="20">
      <t>カサン</t>
    </rPh>
    <rPh sb="21" eb="22">
      <t>カカ</t>
    </rPh>
    <rPh sb="23" eb="26">
      <t>トドケデショ</t>
    </rPh>
    <phoneticPr fontId="4"/>
  </si>
  <si>
    <t>事 業 所 名</t>
    <phoneticPr fontId="4"/>
  </si>
  <si>
    <t>異動等区分</t>
  </si>
  <si>
    <t>□</t>
  </si>
  <si>
    <t>1　新規</t>
    <phoneticPr fontId="4"/>
  </si>
  <si>
    <t>2　変更</t>
    <phoneticPr fontId="4"/>
  </si>
  <si>
    <t>3　終了</t>
    <phoneticPr fontId="4"/>
  </si>
  <si>
    <t>施 設 種 別</t>
    <rPh sb="0" eb="1">
      <t>シ</t>
    </rPh>
    <rPh sb="2" eb="3">
      <t>セツ</t>
    </rPh>
    <rPh sb="4" eb="5">
      <t>タネ</t>
    </rPh>
    <rPh sb="6" eb="7">
      <t>ベツ</t>
    </rPh>
    <phoneticPr fontId="4"/>
  </si>
  <si>
    <t>1　介護老人福祉施設</t>
    <phoneticPr fontId="4"/>
  </si>
  <si>
    <t>2　地域密着型介護老人福祉施設</t>
    <phoneticPr fontId="4"/>
  </si>
  <si>
    <t>3　短期入所生活介護</t>
    <phoneticPr fontId="4"/>
  </si>
  <si>
    <t>以下について、該当する届出項目における必要事項を記載すること。</t>
    <rPh sb="0" eb="2">
      <t>イカ</t>
    </rPh>
    <rPh sb="7" eb="9">
      <t>ガイトウ</t>
    </rPh>
    <rPh sb="11" eb="12">
      <t>トド</t>
    </rPh>
    <rPh sb="12" eb="13">
      <t>デ</t>
    </rPh>
    <rPh sb="13" eb="15">
      <t>コウモク</t>
    </rPh>
    <rPh sb="19" eb="21">
      <t>ヒツヨウ</t>
    </rPh>
    <rPh sb="21" eb="23">
      <t>ジコウ</t>
    </rPh>
    <rPh sb="24" eb="26">
      <t>キサイ</t>
    </rPh>
    <phoneticPr fontId="4"/>
  </si>
  <si>
    <t>配置要件①　最低基準に加えて配置する人員が「0.9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4"/>
  </si>
  <si>
    <t>① 入所（利用）者数</t>
    <rPh sb="2" eb="4">
      <t>ニュウショ</t>
    </rPh>
    <rPh sb="5" eb="7">
      <t>リヨウ</t>
    </rPh>
    <rPh sb="8" eb="9">
      <t>シャ</t>
    </rPh>
    <rPh sb="9" eb="10">
      <t>スウ</t>
    </rPh>
    <phoneticPr fontId="4"/>
  </si>
  <si>
    <t>人</t>
    <rPh sb="0" eb="1">
      <t>ニン</t>
    </rPh>
    <phoneticPr fontId="4"/>
  </si>
  <si>
    <t>② 見守り機器を導入して見守りを行っている対象者数</t>
    <rPh sb="2" eb="4">
      <t>ミマモ</t>
    </rPh>
    <rPh sb="5" eb="7">
      <t>キキ</t>
    </rPh>
    <rPh sb="8" eb="10">
      <t>ドウニュウ</t>
    </rPh>
    <rPh sb="12" eb="14">
      <t>ミマモ</t>
    </rPh>
    <rPh sb="16" eb="17">
      <t>オコナ</t>
    </rPh>
    <rPh sb="21" eb="24">
      <t>タイショウシャ</t>
    </rPh>
    <rPh sb="24" eb="25">
      <t>スウ</t>
    </rPh>
    <phoneticPr fontId="4"/>
  </si>
  <si>
    <t>③ ①に占める②の割合</t>
    <rPh sb="4" eb="5">
      <t>シ</t>
    </rPh>
    <rPh sb="9" eb="11">
      <t>ワリアイ</t>
    </rPh>
    <phoneticPr fontId="4"/>
  </si>
  <si>
    <t>有</t>
    <rPh sb="0" eb="1">
      <t>ア</t>
    </rPh>
    <phoneticPr fontId="4"/>
  </si>
  <si>
    <t>・</t>
    <phoneticPr fontId="4"/>
  </si>
  <si>
    <t>無</t>
    <rPh sb="0" eb="1">
      <t>ナ</t>
    </rPh>
    <phoneticPr fontId="4"/>
  </si>
  <si>
    <t>％</t>
    <phoneticPr fontId="4"/>
  </si>
  <si>
    <t>→　</t>
    <phoneticPr fontId="4"/>
  </si>
  <si>
    <t>１０％以上</t>
    <rPh sb="3" eb="5">
      <t>イジョウ</t>
    </rPh>
    <phoneticPr fontId="4"/>
  </si>
  <si>
    <t>④ 導入機器</t>
    <rPh sb="2" eb="4">
      <t>ドウニュウ</t>
    </rPh>
    <rPh sb="4" eb="6">
      <t>キキ</t>
    </rPh>
    <phoneticPr fontId="4"/>
  </si>
  <si>
    <t>　</t>
    <phoneticPr fontId="4"/>
  </si>
  <si>
    <t>名　称</t>
    <rPh sb="0" eb="1">
      <t>ナ</t>
    </rPh>
    <rPh sb="2" eb="3">
      <t>ショウ</t>
    </rPh>
    <phoneticPr fontId="4"/>
  </si>
  <si>
    <t>製造事業者</t>
    <rPh sb="0" eb="2">
      <t>セイゾウ</t>
    </rPh>
    <rPh sb="2" eb="5">
      <t>ジギョウシャ</t>
    </rPh>
    <phoneticPr fontId="4"/>
  </si>
  <si>
    <t>用　途</t>
    <rPh sb="0" eb="1">
      <t>ヨウ</t>
    </rPh>
    <rPh sb="2" eb="3">
      <t>ト</t>
    </rPh>
    <phoneticPr fontId="4"/>
  </si>
  <si>
    <t>⑤ 導入機器の継続的な使用（９週間以上）</t>
    <rPh sb="7" eb="9">
      <t>ケイゾク</t>
    </rPh>
    <rPh sb="9" eb="10">
      <t>テキ</t>
    </rPh>
    <rPh sb="11" eb="13">
      <t>シヨウ</t>
    </rPh>
    <rPh sb="15" eb="17">
      <t>シュウカン</t>
    </rPh>
    <rPh sb="17" eb="19">
      <t>イジョウ</t>
    </rPh>
    <phoneticPr fontId="4"/>
  </si>
  <si>
    <t>⑥ 導入機器を安全かつ有効に活用するための委員会における、ヒヤリハット・
   介護事故が減少していることの確認、必要な分析・検討等</t>
    <phoneticPr fontId="4"/>
  </si>
  <si>
    <t>配置要件②　最低基準に加えて配置する人員が「0.6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4"/>
  </si>
  <si>
    <t>① 入所（利用）者全員に見守り機器を使用</t>
    <rPh sb="2" eb="4">
      <t>ニュウショ</t>
    </rPh>
    <rPh sb="5" eb="7">
      <t>リヨウ</t>
    </rPh>
    <rPh sb="8" eb="9">
      <t>シャ</t>
    </rPh>
    <rPh sb="9" eb="11">
      <t>ゼンイン</t>
    </rPh>
    <rPh sb="12" eb="14">
      <t>ミマモ</t>
    </rPh>
    <rPh sb="15" eb="17">
      <t>キキ</t>
    </rPh>
    <rPh sb="18" eb="20">
      <t>シヨウ</t>
    </rPh>
    <phoneticPr fontId="4"/>
  </si>
  <si>
    <t xml:space="preserve">② 夜勤職員全員がインカム等のICTを使用 </t>
    <rPh sb="2" eb="4">
      <t>ヤキン</t>
    </rPh>
    <rPh sb="4" eb="6">
      <t>ショクイン</t>
    </rPh>
    <rPh sb="6" eb="8">
      <t>ゼンイン</t>
    </rPh>
    <rPh sb="13" eb="14">
      <t>トウ</t>
    </rPh>
    <rPh sb="19" eb="21">
      <t>シヨウ</t>
    </rPh>
    <phoneticPr fontId="4"/>
  </si>
  <si>
    <t>③ 導入機器</t>
    <rPh sb="2" eb="4">
      <t>ドウニュウ</t>
    </rPh>
    <rPh sb="4" eb="6">
      <t>キキ</t>
    </rPh>
    <phoneticPr fontId="4"/>
  </si>
  <si>
    <t>④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6">
      <t>ドウニュウゴ</t>
    </rPh>
    <rPh sb="57" eb="58">
      <t>スク</t>
    </rPh>
    <rPh sb="64" eb="65">
      <t>ツキ</t>
    </rPh>
    <rPh sb="65" eb="67">
      <t>イジョウ</t>
    </rPh>
    <rPh sb="67" eb="69">
      <t>ジッシ</t>
    </rPh>
    <phoneticPr fontId="4"/>
  </si>
  <si>
    <t>ⅰ 利用者の安全やケアの質の確保、職員の負担を軽減するための委員会の設置</t>
    <rPh sb="2" eb="5">
      <t>リヨウシャ</t>
    </rPh>
    <rPh sb="6" eb="8">
      <t>アンゼン</t>
    </rPh>
    <rPh sb="12" eb="13">
      <t>シツ</t>
    </rPh>
    <rPh sb="14" eb="16">
      <t>カクホ</t>
    </rPh>
    <rPh sb="17" eb="19">
      <t>ショクイン</t>
    </rPh>
    <rPh sb="20" eb="22">
      <t>フタン</t>
    </rPh>
    <rPh sb="23" eb="25">
      <t>ケイゲン</t>
    </rPh>
    <rPh sb="30" eb="33">
      <t>イインカイ</t>
    </rPh>
    <rPh sb="34" eb="36">
      <t>セッチ</t>
    </rPh>
    <phoneticPr fontId="4"/>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4"/>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4"/>
  </si>
  <si>
    <t>ⅳ 職員に対するテクノロジー活用に関する教育の実施</t>
    <rPh sb="2" eb="4">
      <t>ショクイン</t>
    </rPh>
    <rPh sb="5" eb="6">
      <t>タイ</t>
    </rPh>
    <rPh sb="14" eb="16">
      <t>カツヨウ</t>
    </rPh>
    <rPh sb="17" eb="18">
      <t>カン</t>
    </rPh>
    <rPh sb="20" eb="22">
      <t>キョウイク</t>
    </rPh>
    <rPh sb="23" eb="25">
      <t>ジッシ</t>
    </rPh>
    <phoneticPr fontId="4"/>
  </si>
  <si>
    <t>ⅴ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4"/>
  </si>
  <si>
    <t>⑤ ④ⅰの委員会で安全体制やケアの質の確保、職員の負担軽減が図られている
　ことを確認</t>
    <rPh sb="5" eb="8">
      <t>イインカイ</t>
    </rPh>
    <rPh sb="9" eb="11">
      <t>アンゼン</t>
    </rPh>
    <rPh sb="11" eb="13">
      <t>タイセイ</t>
    </rPh>
    <rPh sb="17" eb="18">
      <t>シツ</t>
    </rPh>
    <rPh sb="19" eb="21">
      <t>カクホ</t>
    </rPh>
    <rPh sb="22" eb="24">
      <t>ショクイン</t>
    </rPh>
    <rPh sb="25" eb="27">
      <t>フタン</t>
    </rPh>
    <rPh sb="27" eb="29">
      <t>ケイゲン</t>
    </rPh>
    <rPh sb="30" eb="31">
      <t>ハカ</t>
    </rPh>
    <rPh sb="41" eb="43">
      <t>カクニン</t>
    </rPh>
    <phoneticPr fontId="4"/>
  </si>
  <si>
    <t>備考１　配置要件②については、要件を満たすことが分かる議事概要を提出すること。このほか要件を満たすことが分かる</t>
    <rPh sb="0" eb="2">
      <t>ビコウ</t>
    </rPh>
    <rPh sb="4" eb="6">
      <t>ハイチ</t>
    </rPh>
    <rPh sb="6" eb="8">
      <t>ヨウケン</t>
    </rPh>
    <rPh sb="15" eb="17">
      <t>ヨウケン</t>
    </rPh>
    <rPh sb="18" eb="19">
      <t>ミ</t>
    </rPh>
    <rPh sb="24" eb="25">
      <t>ワ</t>
    </rPh>
    <rPh sb="27" eb="29">
      <t>ギジ</t>
    </rPh>
    <rPh sb="29" eb="31">
      <t>ガイヨウ</t>
    </rPh>
    <rPh sb="32" eb="34">
      <t>テイシュツ</t>
    </rPh>
    <rPh sb="43" eb="45">
      <t>ヨウケン</t>
    </rPh>
    <rPh sb="46" eb="47">
      <t>ミ</t>
    </rPh>
    <rPh sb="52" eb="53">
      <t>ワ</t>
    </rPh>
    <phoneticPr fontId="4"/>
  </si>
  <si>
    <t>　　　根拠書類を準備し、指定権者からの求めがあった場合には、速やかに提出すること。</t>
    <phoneticPr fontId="4"/>
  </si>
  <si>
    <t>備考２　配置要件②の④ⅰの委員会には、夜勤職員をはじめ実際にケア等を行う多職種の職員が参画すること。</t>
    <rPh sb="0" eb="2">
      <t>ビコウ</t>
    </rPh>
    <rPh sb="4" eb="6">
      <t>ハイチ</t>
    </rPh>
    <rPh sb="6" eb="8">
      <t>ヨウケン</t>
    </rPh>
    <rPh sb="13" eb="16">
      <t>イインカイ</t>
    </rPh>
    <rPh sb="19" eb="21">
      <t>ヤキン</t>
    </rPh>
    <rPh sb="21" eb="23">
      <t>ショクイン</t>
    </rPh>
    <rPh sb="27" eb="29">
      <t>ジッサイ</t>
    </rPh>
    <rPh sb="32" eb="33">
      <t>トウ</t>
    </rPh>
    <rPh sb="34" eb="35">
      <t>オコナ</t>
    </rPh>
    <rPh sb="36" eb="39">
      <t>タショクシュ</t>
    </rPh>
    <rPh sb="40" eb="42">
      <t>ショクイン</t>
    </rPh>
    <rPh sb="43" eb="45">
      <t>サンカク</t>
    </rPh>
    <phoneticPr fontId="4"/>
  </si>
  <si>
    <t>備考３　テクノロジーを導入した場合の介護老人福祉施設の夜間の人員配置基準（従来型）を適用する場合は、当該加算の</t>
    <rPh sb="0" eb="2">
      <t>ビコウ</t>
    </rPh>
    <rPh sb="11" eb="13">
      <t>ドウニュウ</t>
    </rPh>
    <rPh sb="15" eb="17">
      <t>バアイ</t>
    </rPh>
    <rPh sb="18" eb="20">
      <t>カイゴ</t>
    </rPh>
    <rPh sb="20" eb="22">
      <t>ロウジン</t>
    </rPh>
    <rPh sb="22" eb="24">
      <t>フクシ</t>
    </rPh>
    <rPh sb="24" eb="26">
      <t>シセツ</t>
    </rPh>
    <rPh sb="27" eb="29">
      <t>ヤカン</t>
    </rPh>
    <rPh sb="30" eb="32">
      <t>ジンイン</t>
    </rPh>
    <rPh sb="32" eb="34">
      <t>ハイチ</t>
    </rPh>
    <rPh sb="34" eb="36">
      <t>キジュン</t>
    </rPh>
    <rPh sb="37" eb="40">
      <t>ジュウライガタ</t>
    </rPh>
    <rPh sb="42" eb="44">
      <t>テキヨウ</t>
    </rPh>
    <rPh sb="46" eb="48">
      <t>バアイ</t>
    </rPh>
    <rPh sb="50" eb="52">
      <t>トウガイ</t>
    </rPh>
    <rPh sb="52" eb="54">
      <t>カサン</t>
    </rPh>
    <phoneticPr fontId="4"/>
  </si>
  <si>
    <t>　　　職員に対しても情報共有できるよう、議事概要を作成して職員全体に周知すること。</t>
    <rPh sb="3" eb="5">
      <t>ショクイン</t>
    </rPh>
    <rPh sb="6" eb="7">
      <t>タイ</t>
    </rPh>
    <rPh sb="10" eb="12">
      <t>ジョウホウ</t>
    </rPh>
    <rPh sb="12" eb="14">
      <t>キョウユウ</t>
    </rPh>
    <rPh sb="20" eb="22">
      <t>ギジ</t>
    </rPh>
    <rPh sb="22" eb="24">
      <t>ガイヨウ</t>
    </rPh>
    <rPh sb="25" eb="27">
      <t>サクセイ</t>
    </rPh>
    <rPh sb="29" eb="31">
      <t>ショクイン</t>
    </rPh>
    <rPh sb="31" eb="33">
      <t>ゼンタイ</t>
    </rPh>
    <rPh sb="34" eb="36">
      <t>シュウチ</t>
    </rPh>
    <phoneticPr fontId="4"/>
  </si>
  <si>
    <t>　配置要件②の「0.6人配置」を「0.8人配置」に読み替えるものとする。</t>
    <rPh sb="1" eb="3">
      <t>ハイチ</t>
    </rPh>
    <rPh sb="3" eb="5">
      <t>ヨウケン</t>
    </rPh>
    <rPh sb="11" eb="12">
      <t>ニン</t>
    </rPh>
    <rPh sb="12" eb="14">
      <t>ハイチ</t>
    </rPh>
    <rPh sb="20" eb="21">
      <t>ニン</t>
    </rPh>
    <rPh sb="21" eb="23">
      <t>ハイチ</t>
    </rPh>
    <rPh sb="25" eb="26">
      <t>ヨ</t>
    </rPh>
    <rPh sb="27" eb="28">
      <t>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
      <sz val="10"/>
      <name val="HGSｺﾞｼｯｸM"/>
      <family val="3"/>
      <charset val="128"/>
    </font>
    <font>
      <sz val="9"/>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s>
  <cellStyleXfs count="2">
    <xf numFmtId="0" fontId="0" fillId="0" borderId="0">
      <alignment vertical="center"/>
    </xf>
    <xf numFmtId="0" fontId="1" fillId="0" borderId="0"/>
  </cellStyleXfs>
  <cellXfs count="59">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center" vertical="center"/>
    </xf>
    <xf numFmtId="0" fontId="2" fillId="0" borderId="4" xfId="1" applyFont="1" applyBorder="1" applyAlignment="1">
      <alignmen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vertical="center"/>
    </xf>
    <xf numFmtId="0" fontId="2" fillId="0" borderId="6" xfId="1" applyFont="1" applyBorder="1" applyAlignment="1">
      <alignment horizontal="center" vertical="center"/>
    </xf>
    <xf numFmtId="0" fontId="2" fillId="0" borderId="7" xfId="1" applyFont="1" applyBorder="1" applyAlignment="1">
      <alignment vertical="center"/>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8" xfId="1" applyFont="1" applyBorder="1" applyAlignment="1">
      <alignment horizontal="center" vertical="center"/>
    </xf>
    <xf numFmtId="0" fontId="2" fillId="0" borderId="9" xfId="1" applyFont="1" applyBorder="1" applyAlignment="1">
      <alignment vertical="center"/>
    </xf>
    <xf numFmtId="0" fontId="2" fillId="0" borderId="10" xfId="1" applyFont="1" applyBorder="1" applyAlignment="1">
      <alignment vertical="center"/>
    </xf>
    <xf numFmtId="0" fontId="2" fillId="0" borderId="9" xfId="1" applyFont="1" applyBorder="1" applyAlignment="1">
      <alignment horizontal="left" vertical="center"/>
    </xf>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5" fillId="0" borderId="0" xfId="1" applyFont="1" applyAlignment="1">
      <alignment horizontal="center" vertical="center"/>
    </xf>
    <xf numFmtId="0" fontId="6" fillId="0" borderId="11" xfId="1" applyFont="1" applyBorder="1" applyAlignment="1">
      <alignment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0" xfId="1" applyFont="1" applyAlignment="1">
      <alignment vertical="center"/>
    </xf>
    <xf numFmtId="0" fontId="2" fillId="0" borderId="11" xfId="1" applyFont="1" applyBorder="1" applyAlignment="1">
      <alignment vertical="center"/>
    </xf>
    <xf numFmtId="0" fontId="2" fillId="0" borderId="0" xfId="1" applyFont="1" applyAlignment="1">
      <alignment horizontal="left" vertical="top"/>
    </xf>
    <xf numFmtId="0" fontId="2" fillId="0" borderId="0" xfId="1" applyFont="1" applyAlignment="1">
      <alignment horizontal="left" vertical="center" wrapText="1"/>
    </xf>
    <xf numFmtId="0" fontId="2" fillId="0" borderId="8" xfId="1" applyFont="1" applyBorder="1" applyAlignment="1">
      <alignment horizontal="left" vertical="center"/>
    </xf>
    <xf numFmtId="0" fontId="2" fillId="0" borderId="10" xfId="1" applyFont="1" applyBorder="1" applyAlignment="1">
      <alignment horizontal="left" vertical="center"/>
    </xf>
    <xf numFmtId="0" fontId="6" fillId="0" borderId="11" xfId="1" applyFont="1" applyBorder="1" applyAlignment="1">
      <alignment horizontal="center" vertical="center"/>
    </xf>
    <xf numFmtId="0" fontId="6" fillId="0" borderId="0" xfId="1" applyFont="1" applyAlignment="1">
      <alignment horizontal="center" vertical="center"/>
    </xf>
    <xf numFmtId="0" fontId="2" fillId="0" borderId="11" xfId="1" applyFont="1" applyBorder="1" applyAlignment="1">
      <alignment vertical="center" wrapText="1"/>
    </xf>
    <xf numFmtId="0" fontId="2" fillId="0" borderId="11" xfId="1" applyFont="1" applyBorder="1" applyAlignment="1">
      <alignment horizontal="center" vertical="center"/>
    </xf>
    <xf numFmtId="0" fontId="2" fillId="0" borderId="12" xfId="1" applyFont="1" applyBorder="1" applyAlignment="1">
      <alignment vertical="center"/>
    </xf>
    <xf numFmtId="0" fontId="2" fillId="0" borderId="11" xfId="1" applyFont="1" applyBorder="1" applyAlignment="1">
      <alignment horizontal="center"/>
    </xf>
    <xf numFmtId="0" fontId="2" fillId="0" borderId="0" xfId="1" applyFont="1"/>
    <xf numFmtId="0" fontId="2" fillId="0" borderId="12" xfId="1" applyFont="1" applyBorder="1"/>
    <xf numFmtId="0" fontId="2" fillId="0" borderId="11" xfId="1" applyFont="1" applyBorder="1"/>
    <xf numFmtId="0" fontId="2" fillId="0" borderId="8" xfId="1" applyFont="1" applyBorder="1"/>
    <xf numFmtId="0" fontId="2" fillId="0" borderId="9" xfId="1" applyFont="1" applyBorder="1"/>
    <xf numFmtId="0" fontId="2" fillId="0" borderId="10" xfId="1" applyFont="1" applyBorder="1"/>
    <xf numFmtId="0" fontId="7" fillId="0" borderId="6" xfId="1" applyFont="1" applyBorder="1" applyAlignment="1">
      <alignment vertical="center"/>
    </xf>
    <xf numFmtId="0" fontId="7" fillId="0" borderId="0" xfId="1" applyFont="1" applyAlignment="1">
      <alignment vertical="center"/>
    </xf>
    <xf numFmtId="0" fontId="7" fillId="0" borderId="0" xfId="1" applyFont="1" applyAlignment="1">
      <alignment horizontal="left" vertical="center"/>
    </xf>
    <xf numFmtId="0" fontId="2" fillId="0" borderId="0" xfId="1" applyFont="1" applyAlignment="1">
      <alignment horizontal="center"/>
    </xf>
  </cellXfs>
  <cellStyles count="2">
    <cellStyle name="標準" xfId="0" builtinId="0"/>
    <cellStyle name="標準 2" xfId="1" xr:uid="{6282CFA0-D99D-4DC2-8E13-905D9EA2E90B}"/>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83386BC-4A9D-405F-9726-3185F732ED62}">
  <dimension ref="A1:AF69"/>
  <sheetViews>
    <sheetView tabSelected="1" zoomScaleNormal="100" zoomScaleSheetLayoutView="70" workbookViewId="0">
      <selection activeCell="F61" sqref="F61"/>
    </sheetView>
  </sheetViews>
  <sheetFormatPr defaultColWidth="3.5" defaultRowHeight="13.5" x14ac:dyDescent="0.15"/>
  <cols>
    <col min="1" max="1" width="1" style="49" customWidth="1"/>
    <col min="2" max="2" width="3" style="58" customWidth="1"/>
    <col min="3" max="7" width="3.5" style="49"/>
    <col min="8" max="8" width="2.5" style="49" customWidth="1"/>
    <col min="9" max="19" width="3.5" style="49"/>
    <col min="20" max="22" width="4.25" style="49" customWidth="1"/>
    <col min="23" max="23" width="3.5" style="49"/>
    <col min="24" max="24" width="3.625" style="49" customWidth="1"/>
    <col min="25" max="29" width="3.5" style="49"/>
    <col min="30" max="30" width="0.875" style="49" customWidth="1"/>
    <col min="31" max="16384" width="3.5" style="49"/>
  </cols>
  <sheetData>
    <row r="1" spans="2:29" s="1" customFormat="1" x14ac:dyDescent="0.4"/>
    <row r="2" spans="2:29" s="1" customFormat="1" x14ac:dyDescent="0.4">
      <c r="B2" s="1" t="s">
        <v>0</v>
      </c>
      <c r="W2" s="2" t="s">
        <v>1</v>
      </c>
      <c r="X2" s="3"/>
      <c r="Y2" s="3" t="s">
        <v>2</v>
      </c>
      <c r="Z2" s="3"/>
      <c r="AA2" s="3" t="s">
        <v>3</v>
      </c>
      <c r="AB2" s="3"/>
      <c r="AC2" s="3" t="s">
        <v>4</v>
      </c>
    </row>
    <row r="3" spans="2:29" s="1" customFormat="1" ht="6.75" customHeight="1" x14ac:dyDescent="0.4"/>
    <row r="4" spans="2:29" s="1" customFormat="1" x14ac:dyDescent="0.4">
      <c r="B4" s="4" t="s">
        <v>5</v>
      </c>
      <c r="C4" s="4"/>
      <c r="D4" s="4"/>
      <c r="E4" s="4"/>
      <c r="F4" s="4"/>
      <c r="G4" s="4"/>
      <c r="H4" s="4"/>
      <c r="I4" s="4"/>
      <c r="J4" s="4"/>
      <c r="K4" s="4"/>
      <c r="L4" s="4"/>
      <c r="M4" s="4"/>
      <c r="N4" s="4"/>
      <c r="O4" s="4"/>
      <c r="P4" s="4"/>
      <c r="Q4" s="4"/>
      <c r="R4" s="4"/>
      <c r="S4" s="4"/>
      <c r="T4" s="4"/>
      <c r="U4" s="4"/>
      <c r="V4" s="4"/>
      <c r="W4" s="4"/>
      <c r="X4" s="4"/>
      <c r="Y4" s="4"/>
      <c r="Z4" s="4"/>
      <c r="AA4" s="4"/>
      <c r="AB4" s="4"/>
      <c r="AC4" s="4"/>
    </row>
    <row r="5" spans="2:29" s="1" customFormat="1" ht="7.5" customHeight="1" x14ac:dyDescent="0.4"/>
    <row r="6" spans="2:29" s="1" customFormat="1" ht="19.5" customHeight="1" x14ac:dyDescent="0.4">
      <c r="B6" s="5" t="s">
        <v>6</v>
      </c>
      <c r="C6" s="5"/>
      <c r="D6" s="5"/>
      <c r="E6" s="5"/>
      <c r="F6" s="5"/>
      <c r="G6" s="6"/>
      <c r="H6" s="7"/>
      <c r="I6" s="7"/>
      <c r="J6" s="7"/>
      <c r="K6" s="7"/>
      <c r="L6" s="7"/>
      <c r="M6" s="7"/>
      <c r="N6" s="7"/>
      <c r="O6" s="7"/>
      <c r="P6" s="7"/>
      <c r="Q6" s="7"/>
      <c r="R6" s="7"/>
      <c r="S6" s="7"/>
      <c r="T6" s="7"/>
      <c r="U6" s="7"/>
      <c r="V6" s="7"/>
      <c r="W6" s="7"/>
      <c r="X6" s="7"/>
      <c r="Y6" s="7"/>
      <c r="Z6" s="7"/>
      <c r="AA6" s="7"/>
      <c r="AB6" s="7"/>
      <c r="AC6" s="8"/>
    </row>
    <row r="7" spans="2:29" s="1" customFormat="1" ht="19.5" customHeight="1" x14ac:dyDescent="0.4">
      <c r="B7" s="6" t="s">
        <v>7</v>
      </c>
      <c r="C7" s="7"/>
      <c r="D7" s="7"/>
      <c r="E7" s="7"/>
      <c r="F7" s="8"/>
      <c r="G7" s="9" t="s">
        <v>8</v>
      </c>
      <c r="H7" s="10" t="s">
        <v>9</v>
      </c>
      <c r="I7" s="10"/>
      <c r="J7" s="10"/>
      <c r="K7" s="10"/>
      <c r="L7" s="11" t="s">
        <v>8</v>
      </c>
      <c r="M7" s="10" t="s">
        <v>10</v>
      </c>
      <c r="N7" s="10"/>
      <c r="O7" s="10"/>
      <c r="P7" s="10"/>
      <c r="Q7" s="11" t="s">
        <v>8</v>
      </c>
      <c r="R7" s="10" t="s">
        <v>11</v>
      </c>
      <c r="S7" s="10"/>
      <c r="T7" s="10"/>
      <c r="U7" s="10"/>
      <c r="V7" s="10"/>
      <c r="W7" s="10"/>
      <c r="X7" s="10"/>
      <c r="Y7" s="10"/>
      <c r="Z7" s="10"/>
      <c r="AA7" s="10"/>
      <c r="AB7" s="10"/>
      <c r="AC7" s="12"/>
    </row>
    <row r="8" spans="2:29" s="1" customFormat="1" ht="19.5" customHeight="1" x14ac:dyDescent="0.4">
      <c r="B8" s="13" t="s">
        <v>12</v>
      </c>
      <c r="C8" s="14"/>
      <c r="D8" s="14"/>
      <c r="E8" s="14"/>
      <c r="F8" s="15"/>
      <c r="G8" s="16" t="s">
        <v>8</v>
      </c>
      <c r="H8" s="17" t="s">
        <v>13</v>
      </c>
      <c r="I8" s="17"/>
      <c r="J8" s="17"/>
      <c r="K8" s="17"/>
      <c r="L8" s="17"/>
      <c r="M8" s="17"/>
      <c r="N8" s="17"/>
      <c r="O8" s="17"/>
      <c r="P8" s="17"/>
      <c r="Q8" s="18" t="s">
        <v>8</v>
      </c>
      <c r="R8" s="17" t="s">
        <v>14</v>
      </c>
      <c r="S8" s="17"/>
      <c r="T8" s="17"/>
      <c r="U8" s="17"/>
      <c r="V8" s="17"/>
      <c r="W8" s="17"/>
      <c r="X8" s="17"/>
      <c r="Y8" s="17"/>
      <c r="Z8" s="17"/>
      <c r="AA8" s="17"/>
      <c r="AB8" s="17"/>
      <c r="AC8" s="19"/>
    </row>
    <row r="9" spans="2:29" s="1" customFormat="1" ht="19.5" customHeight="1" x14ac:dyDescent="0.4">
      <c r="B9" s="20"/>
      <c r="C9" s="21"/>
      <c r="D9" s="21"/>
      <c r="E9" s="21"/>
      <c r="F9" s="22"/>
      <c r="G9" s="23" t="s">
        <v>8</v>
      </c>
      <c r="H9" s="24" t="s">
        <v>15</v>
      </c>
      <c r="I9" s="24"/>
      <c r="J9" s="24"/>
      <c r="K9" s="24"/>
      <c r="L9" s="24"/>
      <c r="M9" s="24"/>
      <c r="N9" s="24"/>
      <c r="O9" s="24"/>
      <c r="P9" s="24"/>
      <c r="Q9" s="24"/>
      <c r="R9" s="24"/>
      <c r="S9" s="24"/>
      <c r="T9" s="24"/>
      <c r="U9" s="24"/>
      <c r="V9" s="24"/>
      <c r="W9" s="24"/>
      <c r="X9" s="24"/>
      <c r="Y9" s="24"/>
      <c r="Z9" s="24"/>
      <c r="AA9" s="24"/>
      <c r="AB9" s="24"/>
      <c r="AC9" s="25"/>
    </row>
    <row r="10" spans="2:29" s="1" customFormat="1" x14ac:dyDescent="0.4"/>
    <row r="11" spans="2:29" s="1" customFormat="1" x14ac:dyDescent="0.4">
      <c r="B11" s="1" t="s">
        <v>16</v>
      </c>
    </row>
    <row r="12" spans="2:29" s="1" customFormat="1" x14ac:dyDescent="0.4"/>
    <row r="13" spans="2:29" s="1" customFormat="1" ht="17.25" customHeight="1" x14ac:dyDescent="0.4">
      <c r="B13" s="26" t="s">
        <v>17</v>
      </c>
    </row>
    <row r="14" spans="2:29" s="1" customFormat="1" ht="6.75" customHeight="1" x14ac:dyDescent="0.4">
      <c r="B14" s="27"/>
      <c r="C14" s="28"/>
      <c r="D14" s="28"/>
      <c r="E14" s="28"/>
      <c r="F14" s="28"/>
      <c r="G14" s="28"/>
      <c r="H14" s="28"/>
      <c r="I14" s="28"/>
      <c r="J14" s="28"/>
      <c r="K14" s="28"/>
      <c r="L14" s="28"/>
      <c r="M14" s="28"/>
      <c r="N14" s="28"/>
      <c r="O14" s="28"/>
      <c r="P14" s="28"/>
      <c r="Q14" s="28"/>
      <c r="R14" s="28"/>
      <c r="S14" s="28"/>
      <c r="T14" s="28"/>
      <c r="U14" s="28"/>
      <c r="V14" s="28"/>
      <c r="W14" s="28"/>
      <c r="X14" s="28"/>
      <c r="Y14" s="27"/>
      <c r="Z14" s="28"/>
      <c r="AA14" s="28"/>
      <c r="AB14" s="28"/>
      <c r="AC14" s="29"/>
    </row>
    <row r="15" spans="2:29" s="1" customFormat="1" x14ac:dyDescent="0.4">
      <c r="B15" s="30"/>
      <c r="C15" s="1" t="s">
        <v>18</v>
      </c>
      <c r="Y15" s="30"/>
      <c r="AC15" s="31"/>
    </row>
    <row r="16" spans="2:29" s="1" customFormat="1" ht="6.75" customHeight="1" x14ac:dyDescent="0.4">
      <c r="B16" s="30"/>
      <c r="Y16" s="30"/>
      <c r="AC16" s="31"/>
    </row>
    <row r="17" spans="2:29" s="1" customFormat="1" ht="19.5" customHeight="1" x14ac:dyDescent="0.4">
      <c r="B17" s="30"/>
      <c r="C17" s="6"/>
      <c r="D17" s="7"/>
      <c r="E17" s="7"/>
      <c r="F17" s="7"/>
      <c r="G17" s="7"/>
      <c r="H17" s="7"/>
      <c r="I17" s="7"/>
      <c r="J17" s="7"/>
      <c r="K17" s="7"/>
      <c r="L17" s="7"/>
      <c r="M17" s="7"/>
      <c r="N17" s="10" t="s">
        <v>19</v>
      </c>
      <c r="O17" s="30"/>
      <c r="U17" s="3"/>
      <c r="V17" s="3"/>
      <c r="Y17" s="30"/>
      <c r="AC17" s="31"/>
    </row>
    <row r="18" spans="2:29" s="1" customFormat="1" x14ac:dyDescent="0.4">
      <c r="B18" s="30"/>
      <c r="L18" s="3"/>
      <c r="Q18" s="3"/>
      <c r="W18" s="3"/>
      <c r="Y18" s="30"/>
      <c r="AC18" s="31"/>
    </row>
    <row r="19" spans="2:29" s="1" customFormat="1" x14ac:dyDescent="0.4">
      <c r="B19" s="30"/>
      <c r="C19" s="1" t="s">
        <v>20</v>
      </c>
      <c r="Y19" s="30"/>
      <c r="AC19" s="31"/>
    </row>
    <row r="20" spans="2:29" s="1" customFormat="1" ht="6.75" customHeight="1" x14ac:dyDescent="0.4">
      <c r="B20" s="30"/>
      <c r="Y20" s="30"/>
      <c r="AC20" s="31"/>
    </row>
    <row r="21" spans="2:29" s="1" customFormat="1" ht="19.5" customHeight="1" x14ac:dyDescent="0.4">
      <c r="B21" s="30"/>
      <c r="C21" s="6"/>
      <c r="D21" s="7"/>
      <c r="E21" s="7"/>
      <c r="F21" s="7"/>
      <c r="G21" s="7"/>
      <c r="H21" s="7"/>
      <c r="I21" s="7"/>
      <c r="J21" s="7"/>
      <c r="K21" s="7"/>
      <c r="L21" s="7"/>
      <c r="M21" s="7"/>
      <c r="N21" s="10" t="s">
        <v>19</v>
      </c>
      <c r="O21" s="30"/>
      <c r="U21" s="3"/>
      <c r="V21" s="3"/>
      <c r="Y21" s="30"/>
      <c r="AC21" s="31"/>
    </row>
    <row r="22" spans="2:29" s="1" customFormat="1" x14ac:dyDescent="0.4">
      <c r="B22" s="30"/>
      <c r="L22" s="3"/>
      <c r="Q22" s="3"/>
      <c r="W22" s="3"/>
      <c r="Y22" s="30"/>
      <c r="AC22" s="31"/>
    </row>
    <row r="23" spans="2:29" s="1" customFormat="1" x14ac:dyDescent="0.4">
      <c r="B23" s="30"/>
      <c r="C23" s="1" t="s">
        <v>21</v>
      </c>
      <c r="L23" s="3"/>
      <c r="Q23" s="3"/>
      <c r="W23" s="3"/>
      <c r="Y23" s="30"/>
      <c r="Z23" s="32" t="s">
        <v>22</v>
      </c>
      <c r="AA23" s="32" t="s">
        <v>23</v>
      </c>
      <c r="AB23" s="32" t="s">
        <v>24</v>
      </c>
      <c r="AC23" s="31"/>
    </row>
    <row r="24" spans="2:29" s="1" customFormat="1" ht="7.5" customHeight="1" x14ac:dyDescent="0.4">
      <c r="B24" s="30"/>
      <c r="L24" s="3"/>
      <c r="Q24" s="3"/>
      <c r="W24" s="3"/>
      <c r="Y24" s="30"/>
      <c r="AC24" s="31"/>
    </row>
    <row r="25" spans="2:29" s="1" customFormat="1" ht="19.5" customHeight="1" x14ac:dyDescent="0.4">
      <c r="B25" s="30"/>
      <c r="C25" s="6"/>
      <c r="D25" s="7"/>
      <c r="E25" s="7"/>
      <c r="F25" s="7"/>
      <c r="G25" s="7"/>
      <c r="H25" s="7"/>
      <c r="I25" s="7"/>
      <c r="J25" s="7"/>
      <c r="K25" s="7"/>
      <c r="L25" s="7"/>
      <c r="M25" s="7"/>
      <c r="N25" s="12" t="s">
        <v>25</v>
      </c>
      <c r="P25" s="1" t="s">
        <v>26</v>
      </c>
      <c r="Q25" s="3"/>
      <c r="S25" s="1" t="s">
        <v>27</v>
      </c>
      <c r="W25" s="3"/>
      <c r="Y25" s="33"/>
      <c r="Z25" s="3" t="s">
        <v>8</v>
      </c>
      <c r="AA25" s="3" t="s">
        <v>23</v>
      </c>
      <c r="AB25" s="3" t="s">
        <v>8</v>
      </c>
      <c r="AC25" s="31"/>
    </row>
    <row r="26" spans="2:29" s="1" customFormat="1" x14ac:dyDescent="0.4">
      <c r="B26" s="30"/>
      <c r="L26" s="3"/>
      <c r="Q26" s="3"/>
      <c r="W26" s="3"/>
      <c r="Y26" s="30"/>
      <c r="AC26" s="31"/>
    </row>
    <row r="27" spans="2:29" s="1" customFormat="1" x14ac:dyDescent="0.4">
      <c r="B27" s="30"/>
      <c r="C27" s="1" t="s">
        <v>28</v>
      </c>
      <c r="Y27" s="30"/>
      <c r="AC27" s="31"/>
    </row>
    <row r="28" spans="2:29" s="1" customFormat="1" ht="6.75" customHeight="1" x14ac:dyDescent="0.4">
      <c r="B28" s="30"/>
      <c r="Y28" s="30"/>
      <c r="AC28" s="31"/>
    </row>
    <row r="29" spans="2:29" s="1" customFormat="1" ht="19.5" customHeight="1" x14ac:dyDescent="0.4">
      <c r="B29" s="30" t="s">
        <v>29</v>
      </c>
      <c r="C29" s="6" t="s">
        <v>30</v>
      </c>
      <c r="D29" s="7"/>
      <c r="E29" s="7"/>
      <c r="F29" s="7"/>
      <c r="G29" s="7"/>
      <c r="H29" s="8"/>
      <c r="I29" s="34"/>
      <c r="J29" s="35"/>
      <c r="K29" s="35"/>
      <c r="L29" s="35"/>
      <c r="M29" s="35"/>
      <c r="N29" s="35"/>
      <c r="O29" s="35"/>
      <c r="P29" s="35"/>
      <c r="Q29" s="35"/>
      <c r="R29" s="35"/>
      <c r="S29" s="35"/>
      <c r="T29" s="35"/>
      <c r="U29" s="35"/>
      <c r="V29" s="35"/>
      <c r="W29" s="36"/>
      <c r="X29" s="37"/>
      <c r="Y29" s="38"/>
      <c r="Z29" s="37"/>
      <c r="AA29" s="37"/>
      <c r="AB29" s="37"/>
      <c r="AC29" s="31"/>
    </row>
    <row r="30" spans="2:29" s="1" customFormat="1" ht="19.5" customHeight="1" x14ac:dyDescent="0.4">
      <c r="B30" s="30" t="s">
        <v>29</v>
      </c>
      <c r="C30" s="6" t="s">
        <v>31</v>
      </c>
      <c r="D30" s="7"/>
      <c r="E30" s="7"/>
      <c r="F30" s="7"/>
      <c r="G30" s="7"/>
      <c r="H30" s="8"/>
      <c r="I30" s="34"/>
      <c r="J30" s="35"/>
      <c r="K30" s="35"/>
      <c r="L30" s="35"/>
      <c r="M30" s="35"/>
      <c r="N30" s="35"/>
      <c r="O30" s="35"/>
      <c r="P30" s="35"/>
      <c r="Q30" s="35"/>
      <c r="R30" s="35"/>
      <c r="S30" s="35"/>
      <c r="T30" s="35"/>
      <c r="U30" s="35"/>
      <c r="V30" s="35"/>
      <c r="W30" s="36"/>
      <c r="X30" s="37"/>
      <c r="Y30" s="38"/>
      <c r="Z30" s="37"/>
      <c r="AA30" s="37"/>
      <c r="AB30" s="37"/>
      <c r="AC30" s="31"/>
    </row>
    <row r="31" spans="2:29" s="1" customFormat="1" ht="19.5" customHeight="1" x14ac:dyDescent="0.4">
      <c r="B31" s="30" t="s">
        <v>29</v>
      </c>
      <c r="C31" s="6" t="s">
        <v>32</v>
      </c>
      <c r="D31" s="7"/>
      <c r="E31" s="7"/>
      <c r="F31" s="7"/>
      <c r="G31" s="7"/>
      <c r="H31" s="8"/>
      <c r="I31" s="34"/>
      <c r="J31" s="35"/>
      <c r="K31" s="35"/>
      <c r="L31" s="35"/>
      <c r="M31" s="35"/>
      <c r="N31" s="35"/>
      <c r="O31" s="35"/>
      <c r="P31" s="35"/>
      <c r="Q31" s="35"/>
      <c r="R31" s="35"/>
      <c r="S31" s="35"/>
      <c r="T31" s="35"/>
      <c r="U31" s="35"/>
      <c r="V31" s="35"/>
      <c r="W31" s="36"/>
      <c r="X31" s="37"/>
      <c r="Y31" s="38"/>
      <c r="Z31" s="37"/>
      <c r="AA31" s="37"/>
      <c r="AB31" s="37"/>
      <c r="AC31" s="31"/>
    </row>
    <row r="32" spans="2:29" s="1" customFormat="1" ht="13.5" customHeight="1" x14ac:dyDescent="0.4">
      <c r="B32" s="30"/>
      <c r="C32" s="3"/>
      <c r="D32" s="3"/>
      <c r="E32" s="3"/>
      <c r="F32" s="3"/>
      <c r="G32" s="3"/>
      <c r="H32" s="3"/>
      <c r="I32" s="3"/>
      <c r="J32" s="3"/>
      <c r="K32" s="3"/>
      <c r="L32" s="3"/>
      <c r="M32" s="3"/>
      <c r="N32" s="3"/>
      <c r="O32" s="3"/>
      <c r="Y32" s="30"/>
      <c r="Z32" s="32" t="s">
        <v>22</v>
      </c>
      <c r="AA32" s="32" t="s">
        <v>23</v>
      </c>
      <c r="AB32" s="32" t="s">
        <v>24</v>
      </c>
      <c r="AC32" s="31"/>
    </row>
    <row r="33" spans="1:32" s="1" customFormat="1" ht="19.5" customHeight="1" x14ac:dyDescent="0.4">
      <c r="B33" s="30"/>
      <c r="C33" s="1" t="s">
        <v>33</v>
      </c>
      <c r="D33" s="3"/>
      <c r="E33" s="3"/>
      <c r="F33" s="3"/>
      <c r="G33" s="3"/>
      <c r="H33" s="3"/>
      <c r="I33" s="3"/>
      <c r="J33" s="3"/>
      <c r="K33" s="3"/>
      <c r="L33" s="3"/>
      <c r="M33" s="3"/>
      <c r="N33" s="3"/>
      <c r="O33" s="3"/>
      <c r="Y33" s="33"/>
      <c r="Z33" s="3" t="s">
        <v>8</v>
      </c>
      <c r="AA33" s="3" t="s">
        <v>23</v>
      </c>
      <c r="AB33" s="3" t="s">
        <v>8</v>
      </c>
      <c r="AC33" s="31"/>
    </row>
    <row r="34" spans="1:32" s="1" customFormat="1" ht="13.5" customHeight="1" x14ac:dyDescent="0.4">
      <c r="B34" s="30"/>
      <c r="C34" s="39"/>
      <c r="D34" s="3"/>
      <c r="E34" s="3"/>
      <c r="F34" s="3"/>
      <c r="G34" s="3"/>
      <c r="H34" s="3"/>
      <c r="I34" s="3"/>
      <c r="J34" s="3"/>
      <c r="K34" s="3"/>
      <c r="L34" s="3"/>
      <c r="M34" s="3"/>
      <c r="N34" s="3"/>
      <c r="O34" s="3"/>
      <c r="Y34" s="30"/>
      <c r="Z34" s="32"/>
      <c r="AA34" s="32"/>
      <c r="AB34" s="32"/>
      <c r="AC34" s="31"/>
    </row>
    <row r="35" spans="1:32" s="1" customFormat="1" ht="27.75" customHeight="1" x14ac:dyDescent="0.4">
      <c r="B35" s="30"/>
      <c r="C35" s="40" t="s">
        <v>34</v>
      </c>
      <c r="D35" s="40"/>
      <c r="E35" s="40"/>
      <c r="F35" s="40"/>
      <c r="G35" s="40"/>
      <c r="H35" s="40"/>
      <c r="I35" s="40"/>
      <c r="J35" s="40"/>
      <c r="K35" s="40"/>
      <c r="L35" s="40"/>
      <c r="M35" s="40"/>
      <c r="N35" s="40"/>
      <c r="O35" s="40"/>
      <c r="P35" s="40"/>
      <c r="Q35" s="40"/>
      <c r="R35" s="40"/>
      <c r="S35" s="40"/>
      <c r="T35" s="40"/>
      <c r="U35" s="40"/>
      <c r="V35" s="40"/>
      <c r="W35" s="40"/>
      <c r="X35" s="40"/>
      <c r="Y35" s="33"/>
      <c r="Z35" s="3" t="s">
        <v>8</v>
      </c>
      <c r="AA35" s="3" t="s">
        <v>23</v>
      </c>
      <c r="AB35" s="3" t="s">
        <v>8</v>
      </c>
      <c r="AC35" s="31"/>
    </row>
    <row r="36" spans="1:32" s="1" customFormat="1" ht="9" customHeight="1" x14ac:dyDescent="0.4">
      <c r="B36" s="41"/>
      <c r="C36" s="26"/>
      <c r="D36" s="26"/>
      <c r="E36" s="26"/>
      <c r="F36" s="26"/>
      <c r="G36" s="26"/>
      <c r="H36" s="26"/>
      <c r="I36" s="26"/>
      <c r="J36" s="26"/>
      <c r="K36" s="26"/>
      <c r="L36" s="26"/>
      <c r="M36" s="26"/>
      <c r="N36" s="26"/>
      <c r="O36" s="26"/>
      <c r="P36" s="26"/>
      <c r="Q36" s="26"/>
      <c r="R36" s="26"/>
      <c r="S36" s="26"/>
      <c r="T36" s="26"/>
      <c r="U36" s="26"/>
      <c r="V36" s="26"/>
      <c r="W36" s="26"/>
      <c r="X36" s="26"/>
      <c r="Y36" s="41"/>
      <c r="Z36" s="26"/>
      <c r="AA36" s="26"/>
      <c r="AB36" s="26"/>
      <c r="AC36" s="42"/>
    </row>
    <row r="37" spans="1:32" s="1" customFormat="1" x14ac:dyDescent="0.4"/>
    <row r="38" spans="1:32" s="1" customFormat="1" ht="16.5" customHeight="1" x14ac:dyDescent="0.4">
      <c r="B38" s="26" t="s">
        <v>35</v>
      </c>
      <c r="C38" s="26"/>
      <c r="D38" s="26"/>
      <c r="E38" s="26"/>
      <c r="F38" s="26"/>
      <c r="G38" s="26"/>
      <c r="H38" s="26"/>
      <c r="I38" s="26"/>
      <c r="J38" s="26"/>
      <c r="K38" s="26"/>
      <c r="L38" s="26"/>
      <c r="M38" s="26"/>
      <c r="N38" s="26"/>
      <c r="O38" s="26"/>
      <c r="P38" s="26"/>
      <c r="Q38" s="26"/>
      <c r="R38" s="26"/>
      <c r="S38" s="26"/>
      <c r="T38" s="26"/>
      <c r="U38" s="26"/>
      <c r="V38" s="26"/>
      <c r="W38" s="26"/>
      <c r="X38" s="26"/>
      <c r="Y38" s="26"/>
      <c r="Z38" s="26"/>
      <c r="AA38" s="26"/>
      <c r="AB38" s="26"/>
      <c r="AC38" s="26"/>
      <c r="AD38" s="26"/>
      <c r="AE38" s="26"/>
      <c r="AF38" s="26"/>
    </row>
    <row r="39" spans="1:32" s="1" customFormat="1" x14ac:dyDescent="0.4">
      <c r="A39" s="31"/>
      <c r="B39" s="30"/>
      <c r="C39" s="28"/>
      <c r="Y39" s="30"/>
      <c r="AC39" s="31"/>
    </row>
    <row r="40" spans="1:32" s="1" customFormat="1" x14ac:dyDescent="0.4">
      <c r="B40" s="30"/>
      <c r="Y40" s="30"/>
      <c r="Z40" s="32" t="s">
        <v>22</v>
      </c>
      <c r="AA40" s="32" t="s">
        <v>23</v>
      </c>
      <c r="AB40" s="32" t="s">
        <v>24</v>
      </c>
      <c r="AC40" s="31"/>
    </row>
    <row r="41" spans="1:32" s="1" customFormat="1" ht="19.5" customHeight="1" x14ac:dyDescent="0.4">
      <c r="B41" s="30"/>
      <c r="C41" s="1" t="s">
        <v>36</v>
      </c>
      <c r="D41" s="3"/>
      <c r="E41" s="3"/>
      <c r="F41" s="3"/>
      <c r="G41" s="3"/>
      <c r="H41" s="3"/>
      <c r="I41" s="3"/>
      <c r="J41" s="3"/>
      <c r="K41" s="3"/>
      <c r="L41" s="3"/>
      <c r="M41" s="3"/>
      <c r="N41" s="3"/>
      <c r="O41" s="3"/>
      <c r="Y41" s="33"/>
      <c r="Z41" s="3" t="s">
        <v>8</v>
      </c>
      <c r="AA41" s="3" t="s">
        <v>23</v>
      </c>
      <c r="AB41" s="3" t="s">
        <v>8</v>
      </c>
      <c r="AC41" s="31"/>
    </row>
    <row r="42" spans="1:32" s="1" customFormat="1" x14ac:dyDescent="0.4">
      <c r="B42" s="30"/>
      <c r="D42" s="3"/>
      <c r="E42" s="3"/>
      <c r="F42" s="3"/>
      <c r="G42" s="3"/>
      <c r="H42" s="3"/>
      <c r="I42" s="3"/>
      <c r="J42" s="3"/>
      <c r="K42" s="3"/>
      <c r="L42" s="3"/>
      <c r="M42" s="3"/>
      <c r="N42" s="3"/>
      <c r="O42" s="3"/>
      <c r="Y42" s="43"/>
      <c r="Z42" s="44"/>
      <c r="AA42" s="44"/>
      <c r="AB42" s="44"/>
      <c r="AC42" s="31"/>
    </row>
    <row r="43" spans="1:32" s="1" customFormat="1" ht="19.5" customHeight="1" x14ac:dyDescent="0.4">
      <c r="B43" s="30"/>
      <c r="C43" s="1" t="s">
        <v>37</v>
      </c>
      <c r="D43" s="3"/>
      <c r="E43" s="3"/>
      <c r="F43" s="3"/>
      <c r="G43" s="3"/>
      <c r="H43" s="3"/>
      <c r="I43" s="3"/>
      <c r="J43" s="3"/>
      <c r="K43" s="3"/>
      <c r="L43" s="3"/>
      <c r="M43" s="3"/>
      <c r="N43" s="3"/>
      <c r="O43" s="3"/>
      <c r="Y43" s="33"/>
      <c r="Z43" s="3" t="s">
        <v>8</v>
      </c>
      <c r="AA43" s="3" t="s">
        <v>23</v>
      </c>
      <c r="AB43" s="3" t="s">
        <v>8</v>
      </c>
      <c r="AC43" s="31"/>
    </row>
    <row r="44" spans="1:32" s="1" customFormat="1" x14ac:dyDescent="0.4">
      <c r="B44" s="30"/>
      <c r="L44" s="3"/>
      <c r="Q44" s="3"/>
      <c r="W44" s="3"/>
      <c r="Y44" s="30"/>
      <c r="AC44" s="31"/>
    </row>
    <row r="45" spans="1:32" s="1" customFormat="1" x14ac:dyDescent="0.4">
      <c r="B45" s="30"/>
      <c r="C45" s="1" t="s">
        <v>38</v>
      </c>
      <c r="Y45" s="30"/>
      <c r="AC45" s="31"/>
    </row>
    <row r="46" spans="1:32" s="1" customFormat="1" ht="6.75" customHeight="1" x14ac:dyDescent="0.4">
      <c r="B46" s="30"/>
      <c r="Y46" s="30"/>
      <c r="AC46" s="31"/>
    </row>
    <row r="47" spans="1:32" s="1" customFormat="1" ht="23.25" customHeight="1" x14ac:dyDescent="0.4">
      <c r="B47" s="30" t="s">
        <v>29</v>
      </c>
      <c r="C47" s="6" t="s">
        <v>30</v>
      </c>
      <c r="D47" s="7"/>
      <c r="E47" s="7"/>
      <c r="F47" s="7"/>
      <c r="G47" s="7"/>
      <c r="H47" s="8"/>
      <c r="I47" s="6"/>
      <c r="J47" s="7"/>
      <c r="K47" s="7"/>
      <c r="L47" s="7"/>
      <c r="M47" s="7"/>
      <c r="N47" s="7"/>
      <c r="O47" s="7"/>
      <c r="P47" s="7"/>
      <c r="Q47" s="7"/>
      <c r="R47" s="7"/>
      <c r="S47" s="7"/>
      <c r="T47" s="7"/>
      <c r="U47" s="7"/>
      <c r="V47" s="7"/>
      <c r="W47" s="8"/>
      <c r="X47" s="37"/>
      <c r="Y47" s="38"/>
      <c r="Z47" s="37"/>
      <c r="AA47" s="37"/>
      <c r="AB47" s="37"/>
      <c r="AC47" s="31"/>
    </row>
    <row r="48" spans="1:32" s="1" customFormat="1" ht="23.25" customHeight="1" x14ac:dyDescent="0.4">
      <c r="B48" s="30" t="s">
        <v>29</v>
      </c>
      <c r="C48" s="6" t="s">
        <v>31</v>
      </c>
      <c r="D48" s="7"/>
      <c r="E48" s="7"/>
      <c r="F48" s="7"/>
      <c r="G48" s="7"/>
      <c r="H48" s="8"/>
      <c r="I48" s="6"/>
      <c r="J48" s="7"/>
      <c r="K48" s="7"/>
      <c r="L48" s="7"/>
      <c r="M48" s="7"/>
      <c r="N48" s="7"/>
      <c r="O48" s="7"/>
      <c r="P48" s="7"/>
      <c r="Q48" s="7"/>
      <c r="R48" s="7"/>
      <c r="S48" s="7"/>
      <c r="T48" s="7"/>
      <c r="U48" s="7"/>
      <c r="V48" s="7"/>
      <c r="W48" s="8"/>
      <c r="X48" s="37"/>
      <c r="Y48" s="38"/>
      <c r="Z48" s="37"/>
      <c r="AA48" s="37"/>
      <c r="AB48" s="37"/>
      <c r="AC48" s="31"/>
    </row>
    <row r="49" spans="2:29" s="1" customFormat="1" ht="23.25" customHeight="1" x14ac:dyDescent="0.4">
      <c r="B49" s="30" t="s">
        <v>29</v>
      </c>
      <c r="C49" s="6" t="s">
        <v>32</v>
      </c>
      <c r="D49" s="7"/>
      <c r="E49" s="7"/>
      <c r="F49" s="7"/>
      <c r="G49" s="7"/>
      <c r="H49" s="8"/>
      <c r="I49" s="6"/>
      <c r="J49" s="7"/>
      <c r="K49" s="7"/>
      <c r="L49" s="7"/>
      <c r="M49" s="7"/>
      <c r="N49" s="7"/>
      <c r="O49" s="7"/>
      <c r="P49" s="7"/>
      <c r="Q49" s="7"/>
      <c r="R49" s="7"/>
      <c r="S49" s="7"/>
      <c r="T49" s="7"/>
      <c r="U49" s="7"/>
      <c r="V49" s="7"/>
      <c r="W49" s="8"/>
      <c r="X49" s="37"/>
      <c r="Y49" s="38"/>
      <c r="Z49" s="37"/>
      <c r="AA49" s="37"/>
      <c r="AB49" s="37"/>
      <c r="AC49" s="31"/>
    </row>
    <row r="50" spans="2:29" s="1" customFormat="1" x14ac:dyDescent="0.4">
      <c r="B50" s="30"/>
      <c r="C50" s="3"/>
      <c r="D50" s="3"/>
      <c r="E50" s="3"/>
      <c r="F50" s="3"/>
      <c r="G50" s="3"/>
      <c r="H50" s="3"/>
      <c r="I50" s="37"/>
      <c r="J50" s="37"/>
      <c r="K50" s="37"/>
      <c r="L50" s="37"/>
      <c r="M50" s="37"/>
      <c r="N50" s="37"/>
      <c r="O50" s="37"/>
      <c r="P50" s="37"/>
      <c r="Q50" s="37"/>
      <c r="R50" s="37"/>
      <c r="S50" s="37"/>
      <c r="T50" s="37"/>
      <c r="U50" s="37"/>
      <c r="V50" s="37"/>
      <c r="W50" s="37"/>
      <c r="X50" s="37"/>
      <c r="Y50" s="38"/>
      <c r="Z50" s="37"/>
      <c r="AA50" s="37"/>
      <c r="AB50" s="37"/>
      <c r="AC50" s="31"/>
    </row>
    <row r="51" spans="2:29" s="1" customFormat="1" ht="27" customHeight="1" x14ac:dyDescent="0.4">
      <c r="B51" s="30"/>
      <c r="C51" s="40" t="s">
        <v>39</v>
      </c>
      <c r="D51" s="40"/>
      <c r="E51" s="40"/>
      <c r="F51" s="40"/>
      <c r="G51" s="40"/>
      <c r="H51" s="40"/>
      <c r="I51" s="40"/>
      <c r="J51" s="40"/>
      <c r="K51" s="40"/>
      <c r="L51" s="40"/>
      <c r="M51" s="40"/>
      <c r="N51" s="40"/>
      <c r="O51" s="40"/>
      <c r="P51" s="40"/>
      <c r="Q51" s="40"/>
      <c r="R51" s="40"/>
      <c r="S51" s="40"/>
      <c r="T51" s="40"/>
      <c r="U51" s="40"/>
      <c r="V51" s="40"/>
      <c r="W51" s="40"/>
      <c r="X51" s="40"/>
      <c r="Y51" s="45"/>
      <c r="Z51" s="32" t="s">
        <v>22</v>
      </c>
      <c r="AA51" s="32" t="s">
        <v>23</v>
      </c>
      <c r="AB51" s="32" t="s">
        <v>24</v>
      </c>
      <c r="AC51" s="31"/>
    </row>
    <row r="52" spans="2:29" s="1" customFormat="1" ht="6" customHeight="1" x14ac:dyDescent="0.4">
      <c r="B52" s="30"/>
      <c r="C52" s="3"/>
      <c r="D52" s="3"/>
      <c r="E52" s="3"/>
      <c r="F52" s="3"/>
      <c r="G52" s="3"/>
      <c r="H52" s="3"/>
      <c r="I52" s="3"/>
      <c r="J52" s="3"/>
      <c r="K52" s="3"/>
      <c r="L52" s="3"/>
      <c r="M52" s="3"/>
      <c r="N52" s="3"/>
      <c r="O52" s="3"/>
      <c r="Y52" s="30"/>
      <c r="AC52" s="31"/>
    </row>
    <row r="53" spans="2:29" s="1" customFormat="1" ht="19.5" customHeight="1" x14ac:dyDescent="0.4">
      <c r="B53" s="30"/>
      <c r="D53" s="1" t="s">
        <v>40</v>
      </c>
      <c r="E53" s="3"/>
      <c r="F53" s="3"/>
      <c r="G53" s="3"/>
      <c r="H53" s="3"/>
      <c r="I53" s="3"/>
      <c r="J53" s="3"/>
      <c r="K53" s="3"/>
      <c r="L53" s="3"/>
      <c r="M53" s="3"/>
      <c r="N53" s="3"/>
      <c r="O53" s="3"/>
      <c r="Y53" s="33"/>
      <c r="Z53" s="3" t="s">
        <v>8</v>
      </c>
      <c r="AA53" s="3" t="s">
        <v>23</v>
      </c>
      <c r="AB53" s="3" t="s">
        <v>8</v>
      </c>
      <c r="AC53" s="31"/>
    </row>
    <row r="54" spans="2:29" s="1" customFormat="1" ht="6.75" customHeight="1" x14ac:dyDescent="0.4">
      <c r="B54" s="30"/>
      <c r="Y54" s="30"/>
      <c r="AC54" s="31"/>
    </row>
    <row r="55" spans="2:29" s="37" customFormat="1" ht="18" customHeight="1" x14ac:dyDescent="0.4">
      <c r="B55" s="46"/>
      <c r="D55" s="37" t="s">
        <v>41</v>
      </c>
      <c r="Y55" s="33"/>
      <c r="Z55" s="3" t="s">
        <v>8</v>
      </c>
      <c r="AA55" s="3" t="s">
        <v>23</v>
      </c>
      <c r="AB55" s="3" t="s">
        <v>8</v>
      </c>
      <c r="AC55" s="47"/>
    </row>
    <row r="56" spans="2:29" s="1" customFormat="1" ht="6.75" customHeight="1" x14ac:dyDescent="0.4">
      <c r="B56" s="30"/>
      <c r="Y56" s="30"/>
      <c r="AC56" s="31"/>
    </row>
    <row r="57" spans="2:29" s="37" customFormat="1" ht="18" customHeight="1" x14ac:dyDescent="0.4">
      <c r="B57" s="46"/>
      <c r="D57" s="37" t="s">
        <v>42</v>
      </c>
      <c r="Y57" s="33"/>
      <c r="Z57" s="3" t="s">
        <v>8</v>
      </c>
      <c r="AA57" s="3" t="s">
        <v>23</v>
      </c>
      <c r="AB57" s="3" t="s">
        <v>8</v>
      </c>
      <c r="AC57" s="47"/>
    </row>
    <row r="58" spans="2:29" s="1" customFormat="1" ht="6.75" customHeight="1" x14ac:dyDescent="0.4">
      <c r="B58" s="30"/>
      <c r="Y58" s="30"/>
      <c r="AC58" s="31"/>
    </row>
    <row r="59" spans="2:29" s="37" customFormat="1" ht="18" customHeight="1" x14ac:dyDescent="0.4">
      <c r="B59" s="46"/>
      <c r="D59" s="37" t="s">
        <v>43</v>
      </c>
      <c r="Y59" s="33"/>
      <c r="Z59" s="3" t="s">
        <v>8</v>
      </c>
      <c r="AA59" s="3" t="s">
        <v>23</v>
      </c>
      <c r="AB59" s="3" t="s">
        <v>8</v>
      </c>
      <c r="AC59" s="47"/>
    </row>
    <row r="60" spans="2:29" s="1" customFormat="1" ht="6.75" customHeight="1" x14ac:dyDescent="0.4">
      <c r="B60" s="30"/>
      <c r="Y60" s="30"/>
      <c r="AC60" s="31"/>
    </row>
    <row r="61" spans="2:29" ht="18" customHeight="1" x14ac:dyDescent="0.15">
      <c r="B61" s="48"/>
      <c r="D61" s="37" t="s">
        <v>44</v>
      </c>
      <c r="Y61" s="33"/>
      <c r="Z61" s="3" t="s">
        <v>8</v>
      </c>
      <c r="AA61" s="3" t="s">
        <v>23</v>
      </c>
      <c r="AB61" s="3" t="s">
        <v>8</v>
      </c>
      <c r="AC61" s="50"/>
    </row>
    <row r="62" spans="2:29" x14ac:dyDescent="0.15">
      <c r="B62" s="48"/>
      <c r="Y62" s="51"/>
      <c r="AC62" s="50"/>
    </row>
    <row r="63" spans="2:29" ht="27" customHeight="1" x14ac:dyDescent="0.15">
      <c r="B63" s="48"/>
      <c r="C63" s="40" t="s">
        <v>45</v>
      </c>
      <c r="D63" s="40"/>
      <c r="E63" s="40"/>
      <c r="F63" s="40"/>
      <c r="G63" s="40"/>
      <c r="H63" s="40"/>
      <c r="I63" s="40"/>
      <c r="J63" s="40"/>
      <c r="K63" s="40"/>
      <c r="L63" s="40"/>
      <c r="M63" s="40"/>
      <c r="N63" s="40"/>
      <c r="O63" s="40"/>
      <c r="P63" s="40"/>
      <c r="Q63" s="40"/>
      <c r="R63" s="40"/>
      <c r="S63" s="40"/>
      <c r="T63" s="40"/>
      <c r="U63" s="40"/>
      <c r="V63" s="40"/>
      <c r="W63" s="40"/>
      <c r="X63" s="40"/>
      <c r="Y63" s="33"/>
      <c r="Z63" s="3" t="s">
        <v>8</v>
      </c>
      <c r="AA63" s="3" t="s">
        <v>23</v>
      </c>
      <c r="AB63" s="3" t="s">
        <v>8</v>
      </c>
      <c r="AC63" s="50"/>
    </row>
    <row r="64" spans="2:29" x14ac:dyDescent="0.15">
      <c r="B64" s="48"/>
      <c r="Y64" s="52"/>
      <c r="Z64" s="53"/>
      <c r="AA64" s="53"/>
      <c r="AB64" s="53"/>
      <c r="AC64" s="54"/>
    </row>
    <row r="65" spans="2:29" s="37" customFormat="1" x14ac:dyDescent="0.4">
      <c r="B65" s="55" t="s">
        <v>46</v>
      </c>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row>
    <row r="66" spans="2:29" s="37" customFormat="1" x14ac:dyDescent="0.4">
      <c r="B66" s="56" t="s">
        <v>47</v>
      </c>
    </row>
    <row r="67" spans="2:29" s="37" customFormat="1" x14ac:dyDescent="0.4">
      <c r="B67" s="56" t="s">
        <v>48</v>
      </c>
    </row>
    <row r="68" spans="2:29" s="37" customFormat="1" x14ac:dyDescent="0.4">
      <c r="B68" s="56" t="s">
        <v>49</v>
      </c>
    </row>
    <row r="69" spans="2:29" s="56" customFormat="1" ht="11.25" x14ac:dyDescent="0.4">
      <c r="B69" s="57" t="s">
        <v>50</v>
      </c>
      <c r="C69" s="56" t="s">
        <v>51</v>
      </c>
    </row>
  </sheetData>
  <mergeCells count="23">
    <mergeCell ref="C49:H49"/>
    <mergeCell ref="I49:W49"/>
    <mergeCell ref="C51:X51"/>
    <mergeCell ref="C63:X63"/>
    <mergeCell ref="C31:H31"/>
    <mergeCell ref="I31:W31"/>
    <mergeCell ref="C35:X35"/>
    <mergeCell ref="C47:H47"/>
    <mergeCell ref="I47:W47"/>
    <mergeCell ref="C48:H48"/>
    <mergeCell ref="I48:W48"/>
    <mergeCell ref="C21:M21"/>
    <mergeCell ref="C25:M25"/>
    <mergeCell ref="C29:H29"/>
    <mergeCell ref="I29:W29"/>
    <mergeCell ref="C30:H30"/>
    <mergeCell ref="I30:W30"/>
    <mergeCell ref="B4:AC4"/>
    <mergeCell ref="B6:F6"/>
    <mergeCell ref="G6:AC6"/>
    <mergeCell ref="B7:F7"/>
    <mergeCell ref="B8:F9"/>
    <mergeCell ref="C17:M17"/>
  </mergeCells>
  <phoneticPr fontId="3"/>
  <dataValidations count="1">
    <dataValidation type="list" allowBlank="1" showInputMessage="1" showErrorMessage="1" sqref="G7:G9 L7 Q7:Q8 Z25 AB25 Z33 AB33 Z35 AB35 Z41 AB41 Z43 AB43 Z53 AB53 Z55 AB55 Z57 AB57 Z59 AB59 Z61 AB61 Z63 AB63" xr:uid="{6730A2E3-7DD0-40C2-8CC5-0AA1A6EEC09B}">
      <formula1>"□,■"</formula1>
    </dataValidation>
  </dataValidations>
  <pageMargins left="0.7" right="0.7" top="0.75" bottom="0.75" header="0.3" footer="0.3"/>
  <rowBreaks count="1" manualBreakCount="1">
    <brk id="71"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8549C8-E6D3-4B59-AA9D-821C49611F48}">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27</vt:lpstr>
      <vt:lpstr>Sheet1</vt:lpstr>
      <vt:lpstr>別紙27!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03:56Z</dcterms:created>
  <dcterms:modified xsi:type="dcterms:W3CDTF">2024-03-22T05:04:47Z</dcterms:modified>
</cp:coreProperties>
</file>